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r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logo, Graphics&#10;&#10;Automatisch gegenereerde beschrijving">
            <a:extLst>
              <a:ext uri="{FF2B5EF4-FFF2-40B4-BE49-F238E27FC236}">
                <a16:creationId xmlns:a16="http://schemas.microsoft.com/office/drawing/2014/main" id="{5140CC02-CCFA-0D22-BDD4-C3CA8E4CDD9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86329" y="4262688"/>
            <a:ext cx="2092857" cy="243608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0DAEC3CF-F076-4C00-A24D-50D3E497847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3712021"/>
            <a:ext cx="1411446" cy="16429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11-11T09:06:15Z</dcterms:modified>
</cp:coreProperties>
</file>